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illego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schermopname, clipart&#10;&#10;Automatisch gegenereerde beschrijving">
            <a:extLst>
              <a:ext uri="{FF2B5EF4-FFF2-40B4-BE49-F238E27FC236}">
                <a16:creationId xmlns:a16="http://schemas.microsoft.com/office/drawing/2014/main" id="{7EF75506-3AEA-C5CE-D4BA-84C2398E777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4928" y="4914109"/>
            <a:ext cx="2030412" cy="175021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schermopname, clipart&#10;&#10;Automatisch gegenereerde beschrijving">
            <a:extLst>
              <a:ext uri="{FF2B5EF4-FFF2-40B4-BE49-F238E27FC236}">
                <a16:creationId xmlns:a16="http://schemas.microsoft.com/office/drawing/2014/main" id="{5ADD724A-9C7A-AE6D-76E2-F7E0BA8A128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7378" y="4022687"/>
            <a:ext cx="1493397" cy="128730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1-11T15:05:27Z</dcterms:modified>
</cp:coreProperties>
</file>